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301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☆彡オンライン☆彡\"/>
    </mc:Choice>
  </mc:AlternateContent>
  <xr:revisionPtr revIDLastSave="0" documentId="13_ncr:1_{F4106154-C04B-4DB3-8BA8-0E1C089410B2}" xr6:coauthVersionLast="47" xr6:coauthVersionMax="47" xr10:uidLastSave="{00000000-0000-0000-0000-000000000000}"/>
  <bookViews>
    <workbookView xWindow="465" yWindow="540" windowWidth="27525" windowHeight="14940" tabRatio="828" xr2:uid="{00000000-000D-0000-FFFF-FFFF00000000}"/>
  </bookViews>
  <sheets>
    <sheet name="R9.1次" sheetId="49" r:id="rId1"/>
  </sheets>
  <calcPr calcId="162913"/>
</workbook>
</file>

<file path=xl/sharedStrings.xml><?xml version="1.0" encoding="utf-8"?>
<sst xmlns="http://schemas.openxmlformats.org/spreadsheetml/2006/main" count="49" uniqueCount="48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小論文</t>
    <rPh sb="0" eb="3">
      <t>ショウロンブン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１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　　　　　　　　　　</t>
    <phoneticPr fontId="1"/>
  </si>
  <si>
    <t>高校　土木</t>
    <rPh sb="0" eb="2">
      <t>コウコウ</t>
    </rPh>
    <rPh sb="3" eb="5">
      <t>ドボク</t>
    </rPh>
    <phoneticPr fontId="1"/>
  </si>
  <si>
    <t>問題・模範解答・配点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整理番号</t>
    <rPh sb="0" eb="2">
      <t>セイリ</t>
    </rPh>
    <rPh sb="2" eb="4">
      <t>バンゴウ</t>
    </rPh>
    <phoneticPr fontId="1"/>
  </si>
  <si>
    <t>中高　美術</t>
    <rPh sb="0" eb="1">
      <t>チュウ</t>
    </rPh>
    <rPh sb="1" eb="2">
      <t>コウ</t>
    </rPh>
    <rPh sb="3" eb="5">
      <t>ビジュツ</t>
    </rPh>
    <phoneticPr fontId="1"/>
  </si>
  <si>
    <t>高校　農業　【作物・園芸】</t>
    <rPh sb="0" eb="2">
      <t>コウコウ</t>
    </rPh>
    <rPh sb="3" eb="5">
      <t>ノウギョウ</t>
    </rPh>
    <rPh sb="7" eb="9">
      <t>サクモツ</t>
    </rPh>
    <rPh sb="10" eb="12">
      <t>エンゲイ</t>
    </rPh>
    <phoneticPr fontId="1"/>
  </si>
  <si>
    <t>小中連携・中　   理科</t>
    <rPh sb="0" eb="2">
      <t>ショウチュウ</t>
    </rPh>
    <rPh sb="2" eb="4">
      <t>レンケイ</t>
    </rPh>
    <rPh sb="5" eb="6">
      <t>チュウ</t>
    </rPh>
    <rPh sb="10" eb="12">
      <t>リカ</t>
    </rPh>
    <phoneticPr fontId="1"/>
  </si>
  <si>
    <t>小中連携・中高　数学</t>
    <rPh sb="0" eb="2">
      <t>ショウチュウ</t>
    </rPh>
    <rPh sb="2" eb="4">
      <t>レンケイ</t>
    </rPh>
    <rPh sb="5" eb="7">
      <t>チュウコウ</t>
    </rPh>
    <rPh sb="8" eb="10">
      <t>スウガク</t>
    </rPh>
    <phoneticPr fontId="1"/>
  </si>
  <si>
    <t>小中連携・中高　英語</t>
    <rPh sb="0" eb="2">
      <t>ショウチュウ</t>
    </rPh>
    <rPh sb="2" eb="4">
      <t>レンケイ</t>
    </rPh>
    <rPh sb="5" eb="7">
      <t>チュウコウ</t>
    </rPh>
    <rPh sb="8" eb="10">
      <t>エイゴ</t>
    </rPh>
    <phoneticPr fontId="1"/>
  </si>
  <si>
    <t>小中連携・中高　音楽</t>
    <rPh sb="0" eb="2">
      <t>ショウチュウ</t>
    </rPh>
    <rPh sb="2" eb="4">
      <t>レンケイ</t>
    </rPh>
    <rPh sb="5" eb="7">
      <t>チュウコウ</t>
    </rPh>
    <rPh sb="8" eb="10">
      <t>オンガク</t>
    </rPh>
    <phoneticPr fontId="1"/>
  </si>
  <si>
    <t>小中連携・中高　保健体育</t>
    <rPh sb="0" eb="2">
      <t>ショウチュウ</t>
    </rPh>
    <rPh sb="2" eb="4">
      <t>レンケイ</t>
    </rPh>
    <rPh sb="5" eb="7">
      <t>チュウコウ</t>
    </rPh>
    <rPh sb="8" eb="10">
      <t>ホケン</t>
    </rPh>
    <rPh sb="10" eb="12">
      <t>タイイク</t>
    </rPh>
    <phoneticPr fontId="1"/>
  </si>
  <si>
    <t>○</t>
    <phoneticPr fontId="1"/>
  </si>
  <si>
    <t>必要な科目の枚数左横の空欄に○を入れてください</t>
    <rPh sb="0" eb="2">
      <t>ヒツヨウ</t>
    </rPh>
    <rPh sb="3" eb="5">
      <t>カモク</t>
    </rPh>
    <rPh sb="6" eb="8">
      <t>マイスウ</t>
    </rPh>
    <rPh sb="8" eb="10">
      <t>ヒダリヨコ</t>
    </rPh>
    <rPh sb="11" eb="13">
      <t>クウラン</t>
    </rPh>
    <rPh sb="16" eb="17">
      <t>イ</t>
    </rPh>
    <phoneticPr fontId="1"/>
  </si>
  <si>
    <t>高校　農業　【畜産】</t>
    <rPh sb="0" eb="2">
      <t>コウコウ</t>
    </rPh>
    <rPh sb="3" eb="5">
      <t>ノウギョウ</t>
    </rPh>
    <rPh sb="7" eb="9">
      <t>チクサン</t>
    </rPh>
    <phoneticPr fontId="1"/>
  </si>
  <si>
    <t>高校　水産【機関】</t>
    <rPh sb="0" eb="2">
      <t>コウコウ</t>
    </rPh>
    <rPh sb="3" eb="5">
      <t>スイサン</t>
    </rPh>
    <rPh sb="6" eb="8">
      <t>キカン</t>
    </rPh>
    <phoneticPr fontId="1"/>
  </si>
  <si>
    <t>令和９年度　大分県公立学校教員採用選考1次</t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4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 diagonalUp="1">
      <left style="medium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4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10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>
      <alignment vertical="center"/>
    </xf>
    <xf numFmtId="0" fontId="4" fillId="0" borderId="11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1" xfId="0" applyFont="1" applyBorder="1">
      <alignment vertical="center"/>
    </xf>
    <xf numFmtId="0" fontId="4" fillId="0" borderId="14" xfId="0" applyFont="1" applyBorder="1" applyAlignment="1">
      <alignment horizontal="center" vertical="center"/>
    </xf>
    <xf numFmtId="0" fontId="4" fillId="0" borderId="2" xfId="0" applyFont="1" applyBorder="1">
      <alignment vertical="center"/>
    </xf>
    <xf numFmtId="0" fontId="4" fillId="0" borderId="23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4" fillId="0" borderId="3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4" fillId="2" borderId="18" xfId="0" applyFont="1" applyFill="1" applyBorder="1" applyAlignment="1">
      <alignment horizontal="center" vertical="center"/>
    </xf>
    <xf numFmtId="0" fontId="4" fillId="2" borderId="23" xfId="0" applyFont="1" applyFill="1" applyBorder="1" applyAlignment="1">
      <alignment horizontal="center" vertical="center"/>
    </xf>
    <xf numFmtId="0" fontId="4" fillId="2" borderId="32" xfId="0" applyFont="1" applyFill="1" applyBorder="1" applyAlignment="1">
      <alignment horizontal="center" vertical="center"/>
    </xf>
    <xf numFmtId="0" fontId="4" fillId="2" borderId="33" xfId="0" applyFont="1" applyFill="1" applyBorder="1" applyAlignment="1">
      <alignment horizontal="center" vertical="center"/>
    </xf>
    <xf numFmtId="0" fontId="4" fillId="2" borderId="34" xfId="0" applyFont="1" applyFill="1" applyBorder="1" applyAlignment="1">
      <alignment horizontal="center" vertical="center"/>
    </xf>
    <xf numFmtId="0" fontId="4" fillId="2" borderId="28" xfId="0" applyFont="1" applyFill="1" applyBorder="1" applyAlignment="1">
      <alignment horizontal="center" vertical="center"/>
    </xf>
    <xf numFmtId="0" fontId="4" fillId="2" borderId="29" xfId="0" applyFont="1" applyFill="1" applyBorder="1" applyAlignment="1">
      <alignment horizontal="center" vertical="center"/>
    </xf>
    <xf numFmtId="0" fontId="4" fillId="2" borderId="13" xfId="0" applyFont="1" applyFill="1" applyBorder="1" applyAlignment="1">
      <alignment horizontal="center" vertical="center"/>
    </xf>
    <xf numFmtId="0" fontId="4" fillId="2" borderId="26" xfId="0" applyFont="1" applyFill="1" applyBorder="1" applyAlignment="1">
      <alignment horizontal="center" vertical="center"/>
    </xf>
    <xf numFmtId="0" fontId="4" fillId="2" borderId="35" xfId="0" applyFont="1" applyFill="1" applyBorder="1" applyAlignment="1">
      <alignment horizontal="center" vertical="center"/>
    </xf>
    <xf numFmtId="0" fontId="4" fillId="2" borderId="27" xfId="0" applyFont="1" applyFill="1" applyBorder="1" applyAlignment="1">
      <alignment horizontal="center" vertical="center"/>
    </xf>
    <xf numFmtId="0" fontId="4" fillId="2" borderId="0" xfId="0" applyFont="1" applyFill="1" applyAlignment="1">
      <alignment horizontal="center" vertical="center"/>
    </xf>
    <xf numFmtId="0" fontId="4" fillId="2" borderId="31" xfId="0" applyFont="1" applyFill="1" applyBorder="1" applyAlignment="1">
      <alignment horizontal="center" vertical="center"/>
    </xf>
    <xf numFmtId="0" fontId="4" fillId="2" borderId="20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2" borderId="38" xfId="0" applyFont="1" applyFill="1" applyBorder="1" applyAlignment="1">
      <alignment horizontal="center" vertical="center"/>
    </xf>
    <xf numFmtId="0" fontId="4" fillId="0" borderId="39" xfId="0" applyFont="1" applyBorder="1" applyAlignment="1">
      <alignment horizontal="center" vertical="center"/>
    </xf>
    <xf numFmtId="0" fontId="4" fillId="2" borderId="40" xfId="0" applyFont="1" applyFill="1" applyBorder="1" applyAlignment="1">
      <alignment horizontal="center" vertical="center"/>
    </xf>
    <xf numFmtId="0" fontId="4" fillId="0" borderId="41" xfId="0" applyFont="1" applyBorder="1" applyAlignment="1">
      <alignment horizontal="center" vertical="center"/>
    </xf>
    <xf numFmtId="0" fontId="6" fillId="0" borderId="42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43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17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3" fillId="0" borderId="37" xfId="0" applyFont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43"/>
  <sheetViews>
    <sheetView tabSelected="1" workbookViewId="0">
      <selection activeCell="L31" sqref="L31"/>
    </sheetView>
  </sheetViews>
  <sheetFormatPr defaultRowHeight="13.5" x14ac:dyDescent="0.15"/>
  <cols>
    <col min="1" max="1" width="14.25" customWidth="1"/>
    <col min="2" max="2" width="16" customWidth="1"/>
    <col min="3" max="3" width="21" customWidth="1"/>
    <col min="4" max="6" width="3.375" customWidth="1"/>
    <col min="7" max="7" width="12" customWidth="1"/>
    <col min="8" max="8" width="3.375" customWidth="1"/>
    <col min="9" max="9" width="11.5" customWidth="1"/>
  </cols>
  <sheetData>
    <row r="1" spans="1:13" ht="18.75" x14ac:dyDescent="0.15">
      <c r="A1" s="60" t="s">
        <v>47</v>
      </c>
      <c r="B1" s="60"/>
      <c r="C1" s="60"/>
      <c r="D1" s="60"/>
      <c r="E1" s="60"/>
      <c r="F1" s="60"/>
      <c r="G1" s="60"/>
      <c r="H1" s="60"/>
      <c r="I1" s="60"/>
    </row>
    <row r="2" spans="1:13" ht="18.75" x14ac:dyDescent="0.15">
      <c r="A2" s="26"/>
      <c r="B2" s="24" t="s">
        <v>44</v>
      </c>
      <c r="C2" s="26"/>
      <c r="D2" s="26"/>
      <c r="E2" s="26"/>
      <c r="F2" s="26"/>
      <c r="G2" s="26"/>
      <c r="H2" s="26"/>
      <c r="I2" s="26"/>
    </row>
    <row r="3" spans="1:13" ht="10.5" customHeight="1" x14ac:dyDescent="0.15">
      <c r="C3" t="s">
        <v>26</v>
      </c>
    </row>
    <row r="4" spans="1:13" s="2" customFormat="1" ht="15" customHeight="1" thickBot="1" x14ac:dyDescent="0.2">
      <c r="A4" s="1" t="s">
        <v>21</v>
      </c>
      <c r="B4" s="66" t="s">
        <v>28</v>
      </c>
      <c r="C4" s="66"/>
      <c r="J4" s="3"/>
      <c r="K4" s="3"/>
    </row>
    <row r="5" spans="1:13" s="2" customFormat="1" ht="15" customHeight="1" thickBot="1" x14ac:dyDescent="0.2">
      <c r="B5" s="20"/>
      <c r="C5" s="21" t="s">
        <v>0</v>
      </c>
      <c r="D5" s="61" t="s">
        <v>35</v>
      </c>
      <c r="E5" s="62"/>
      <c r="F5" s="35" t="s">
        <v>43</v>
      </c>
      <c r="G5" s="4" t="s">
        <v>5</v>
      </c>
      <c r="H5" s="42" t="s">
        <v>43</v>
      </c>
      <c r="I5" s="25" t="s">
        <v>6</v>
      </c>
      <c r="J5" s="3"/>
      <c r="K5" s="3"/>
      <c r="M5" s="3"/>
    </row>
    <row r="6" spans="1:13" s="2" customFormat="1" ht="15" customHeight="1" thickBot="1" x14ac:dyDescent="0.2">
      <c r="B6" s="63" t="s">
        <v>7</v>
      </c>
      <c r="C6" s="64"/>
      <c r="D6" s="28">
        <v>1</v>
      </c>
      <c r="E6" s="29">
        <v>2</v>
      </c>
      <c r="F6" s="36"/>
      <c r="G6" s="8">
        <v>17</v>
      </c>
      <c r="H6" s="43"/>
      <c r="I6" s="8">
        <v>1</v>
      </c>
      <c r="J6" s="3"/>
      <c r="K6" s="3"/>
      <c r="M6" s="3"/>
    </row>
    <row r="7" spans="1:13" s="2" customFormat="1" ht="15" customHeight="1" thickBot="1" x14ac:dyDescent="0.2">
      <c r="B7" s="63" t="s">
        <v>1</v>
      </c>
      <c r="C7" s="64"/>
      <c r="D7" s="34">
        <v>3</v>
      </c>
      <c r="E7" s="33">
        <v>4</v>
      </c>
      <c r="F7" s="35"/>
      <c r="G7" s="4">
        <v>17</v>
      </c>
      <c r="H7" s="42"/>
      <c r="I7" s="4">
        <v>1</v>
      </c>
      <c r="J7" s="3"/>
      <c r="K7" s="3"/>
      <c r="M7" s="3"/>
    </row>
    <row r="8" spans="1:13" s="2" customFormat="1" ht="15" customHeight="1" x14ac:dyDescent="0.15">
      <c r="B8" s="18"/>
      <c r="C8" s="11" t="s">
        <v>38</v>
      </c>
      <c r="D8" s="30">
        <v>5</v>
      </c>
      <c r="E8" s="30">
        <v>6</v>
      </c>
      <c r="F8" s="37"/>
      <c r="G8" s="6">
        <v>13</v>
      </c>
      <c r="H8" s="44"/>
      <c r="I8" s="5">
        <v>1</v>
      </c>
      <c r="J8" s="3"/>
      <c r="K8" s="3"/>
      <c r="M8" s="3"/>
    </row>
    <row r="9" spans="1:13" s="2" customFormat="1" ht="15" customHeight="1" x14ac:dyDescent="0.15">
      <c r="B9" s="16"/>
      <c r="C9" s="11" t="s">
        <v>39</v>
      </c>
      <c r="D9" s="31">
        <v>7</v>
      </c>
      <c r="E9" s="31">
        <v>8</v>
      </c>
      <c r="F9" s="38"/>
      <c r="G9" s="5">
        <v>5</v>
      </c>
      <c r="H9" s="44"/>
      <c r="I9" s="5">
        <v>1</v>
      </c>
      <c r="J9" s="3"/>
      <c r="K9" s="3"/>
      <c r="M9" s="3"/>
    </row>
    <row r="10" spans="1:13" s="2" customFormat="1" ht="15" customHeight="1" x14ac:dyDescent="0.15">
      <c r="B10" s="16"/>
      <c r="C10" s="11" t="s">
        <v>40</v>
      </c>
      <c r="D10" s="30">
        <v>9</v>
      </c>
      <c r="E10" s="30">
        <v>10</v>
      </c>
      <c r="F10" s="37"/>
      <c r="G10" s="6">
        <v>10</v>
      </c>
      <c r="H10" s="44"/>
      <c r="I10" s="5">
        <v>1</v>
      </c>
      <c r="J10" s="3"/>
      <c r="K10" s="3"/>
      <c r="M10" s="3"/>
    </row>
    <row r="11" spans="1:13" s="2" customFormat="1" ht="15" customHeight="1" x14ac:dyDescent="0.15">
      <c r="B11" s="16"/>
      <c r="C11" s="11" t="s">
        <v>41</v>
      </c>
      <c r="D11" s="30">
        <v>11</v>
      </c>
      <c r="E11" s="30">
        <v>12</v>
      </c>
      <c r="F11" s="37"/>
      <c r="G11" s="6">
        <v>10</v>
      </c>
      <c r="H11" s="44"/>
      <c r="I11" s="5">
        <v>1</v>
      </c>
      <c r="J11" s="3"/>
      <c r="K11" s="3"/>
      <c r="M11" s="3"/>
    </row>
    <row r="12" spans="1:13" s="2" customFormat="1" ht="15" customHeight="1" x14ac:dyDescent="0.15">
      <c r="B12" s="16"/>
      <c r="C12" s="11" t="s">
        <v>42</v>
      </c>
      <c r="D12" s="31">
        <v>13</v>
      </c>
      <c r="E12" s="31">
        <v>14</v>
      </c>
      <c r="F12" s="38"/>
      <c r="G12" s="6">
        <v>15</v>
      </c>
      <c r="H12" s="44"/>
      <c r="I12" s="5">
        <v>1</v>
      </c>
      <c r="J12" s="3"/>
      <c r="K12" s="3"/>
      <c r="M12" s="3"/>
    </row>
    <row r="13" spans="1:13" s="2" customFormat="1" ht="15" customHeight="1" x14ac:dyDescent="0.15">
      <c r="B13" s="65" t="s">
        <v>19</v>
      </c>
      <c r="C13" s="10" t="s">
        <v>8</v>
      </c>
      <c r="D13" s="30">
        <v>15</v>
      </c>
      <c r="E13" s="30">
        <v>16</v>
      </c>
      <c r="F13" s="38"/>
      <c r="G13" s="5">
        <v>18</v>
      </c>
      <c r="H13" s="44"/>
      <c r="I13" s="5">
        <v>1</v>
      </c>
      <c r="J13" s="3"/>
      <c r="K13" s="3"/>
      <c r="M13" s="3"/>
    </row>
    <row r="14" spans="1:13" s="2" customFormat="1" ht="15" customHeight="1" x14ac:dyDescent="0.15">
      <c r="B14" s="65"/>
      <c r="C14" s="11" t="s">
        <v>9</v>
      </c>
      <c r="D14" s="30">
        <v>17</v>
      </c>
      <c r="E14" s="30">
        <v>18</v>
      </c>
      <c r="F14" s="38"/>
      <c r="G14" s="5">
        <v>10</v>
      </c>
      <c r="H14" s="44"/>
      <c r="I14" s="5">
        <v>1</v>
      </c>
      <c r="J14" s="3"/>
      <c r="K14" s="3"/>
      <c r="M14" s="3"/>
    </row>
    <row r="15" spans="1:13" s="2" customFormat="1" ht="15" customHeight="1" x14ac:dyDescent="0.15">
      <c r="B15" s="65"/>
      <c r="C15" s="11" t="s">
        <v>10</v>
      </c>
      <c r="D15" s="31">
        <v>19</v>
      </c>
      <c r="E15" s="31">
        <v>20</v>
      </c>
      <c r="F15" s="38"/>
      <c r="G15" s="6">
        <v>17</v>
      </c>
      <c r="H15" s="44"/>
      <c r="I15" s="5">
        <v>1</v>
      </c>
      <c r="J15" s="3"/>
      <c r="K15" s="3"/>
      <c r="M15" s="3"/>
    </row>
    <row r="16" spans="1:13" s="2" customFormat="1" ht="15" customHeight="1" x14ac:dyDescent="0.15">
      <c r="B16" s="65"/>
      <c r="C16" s="11" t="s">
        <v>36</v>
      </c>
      <c r="D16" s="30">
        <v>21</v>
      </c>
      <c r="E16" s="30">
        <v>22</v>
      </c>
      <c r="F16" s="37"/>
      <c r="G16" s="6">
        <v>12</v>
      </c>
      <c r="H16" s="44"/>
      <c r="I16" s="5">
        <v>1</v>
      </c>
      <c r="J16" s="3"/>
      <c r="K16" s="3"/>
      <c r="M16" s="3"/>
    </row>
    <row r="17" spans="2:13" s="2" customFormat="1" ht="15" customHeight="1" x14ac:dyDescent="0.15">
      <c r="B17" s="65"/>
      <c r="C17" s="11" t="s">
        <v>25</v>
      </c>
      <c r="D17" s="30">
        <v>23</v>
      </c>
      <c r="E17" s="30">
        <v>24</v>
      </c>
      <c r="F17" s="37"/>
      <c r="G17" s="6">
        <v>12</v>
      </c>
      <c r="H17" s="44"/>
      <c r="I17" s="5">
        <v>1</v>
      </c>
      <c r="J17" s="3"/>
      <c r="K17" s="3"/>
      <c r="M17" s="3"/>
    </row>
    <row r="18" spans="2:13" s="2" customFormat="1" ht="15" customHeight="1" x14ac:dyDescent="0.15">
      <c r="B18" s="65"/>
      <c r="C18" s="11" t="s">
        <v>11</v>
      </c>
      <c r="D18" s="31">
        <v>25</v>
      </c>
      <c r="E18" s="31">
        <v>26</v>
      </c>
      <c r="F18" s="38"/>
      <c r="G18" s="6">
        <v>12</v>
      </c>
      <c r="H18" s="44"/>
      <c r="I18" s="5">
        <v>1</v>
      </c>
      <c r="J18" s="3"/>
      <c r="K18" s="3"/>
      <c r="M18" s="3"/>
    </row>
    <row r="19" spans="2:13" s="2" customFormat="1" ht="15" customHeight="1" x14ac:dyDescent="0.15">
      <c r="B19" s="65"/>
      <c r="C19" s="11" t="s">
        <v>12</v>
      </c>
      <c r="D19" s="30">
        <v>27</v>
      </c>
      <c r="E19" s="30">
        <v>28</v>
      </c>
      <c r="F19" s="37"/>
      <c r="G19" s="6">
        <v>13</v>
      </c>
      <c r="H19" s="44"/>
      <c r="I19" s="5">
        <v>1</v>
      </c>
      <c r="J19" s="3"/>
      <c r="K19" s="3"/>
      <c r="M19" s="3"/>
    </row>
    <row r="20" spans="2:13" s="2" customFormat="1" ht="15" customHeight="1" x14ac:dyDescent="0.15">
      <c r="B20" s="65"/>
      <c r="C20" s="12" t="s">
        <v>13</v>
      </c>
      <c r="D20" s="30">
        <v>29</v>
      </c>
      <c r="E20" s="30">
        <v>30</v>
      </c>
      <c r="F20" s="37"/>
      <c r="G20" s="6">
        <v>19</v>
      </c>
      <c r="H20" s="44"/>
      <c r="I20" s="5">
        <v>1</v>
      </c>
      <c r="J20" s="3"/>
    </row>
    <row r="21" spans="2:13" s="2" customFormat="1" ht="15" customHeight="1" x14ac:dyDescent="0.15">
      <c r="B21" s="65"/>
      <c r="C21" s="11" t="s">
        <v>22</v>
      </c>
      <c r="D21" s="31">
        <v>31</v>
      </c>
      <c r="E21" s="31">
        <v>32</v>
      </c>
      <c r="F21" s="38"/>
      <c r="G21" s="6">
        <v>11</v>
      </c>
      <c r="H21" s="44"/>
      <c r="I21" s="5">
        <v>1</v>
      </c>
      <c r="J21" s="3"/>
      <c r="K21" s="3"/>
      <c r="M21" s="3"/>
    </row>
    <row r="22" spans="2:13" s="2" customFormat="1" ht="15" customHeight="1" x14ac:dyDescent="0.15">
      <c r="B22" s="65"/>
      <c r="C22" s="11" t="s">
        <v>20</v>
      </c>
      <c r="D22" s="30">
        <v>33</v>
      </c>
      <c r="E22" s="30">
        <v>34</v>
      </c>
      <c r="F22" s="37"/>
      <c r="G22" s="6">
        <v>8</v>
      </c>
      <c r="H22" s="44"/>
      <c r="I22" s="5">
        <v>1</v>
      </c>
      <c r="J22" s="3"/>
      <c r="K22" s="3"/>
    </row>
    <row r="23" spans="2:13" s="2" customFormat="1" ht="15" customHeight="1" x14ac:dyDescent="0.15">
      <c r="B23" s="65"/>
      <c r="C23" s="11" t="s">
        <v>14</v>
      </c>
      <c r="D23" s="30">
        <v>35</v>
      </c>
      <c r="E23" s="30">
        <v>36</v>
      </c>
      <c r="F23" s="37"/>
      <c r="G23" s="6">
        <v>8</v>
      </c>
      <c r="H23" s="44"/>
      <c r="I23" s="5">
        <v>1</v>
      </c>
      <c r="J23" s="3"/>
      <c r="K23" s="3"/>
    </row>
    <row r="24" spans="2:13" s="2" customFormat="1" ht="15" customHeight="1" x14ac:dyDescent="0.15">
      <c r="B24" s="65"/>
      <c r="C24" s="11" t="s">
        <v>15</v>
      </c>
      <c r="D24" s="31">
        <v>37</v>
      </c>
      <c r="E24" s="31">
        <v>38</v>
      </c>
      <c r="F24" s="38"/>
      <c r="G24" s="6">
        <v>12</v>
      </c>
      <c r="H24" s="44"/>
      <c r="I24" s="5">
        <v>1</v>
      </c>
      <c r="J24" s="3"/>
      <c r="K24" s="3"/>
    </row>
    <row r="25" spans="2:13" s="2" customFormat="1" ht="15" customHeight="1" x14ac:dyDescent="0.15">
      <c r="B25" s="65"/>
      <c r="C25" s="11" t="s">
        <v>29</v>
      </c>
      <c r="D25" s="30">
        <v>39</v>
      </c>
      <c r="E25" s="30">
        <v>40</v>
      </c>
      <c r="F25" s="37"/>
      <c r="G25" s="6">
        <v>12</v>
      </c>
      <c r="H25" s="44"/>
      <c r="I25" s="5">
        <v>1</v>
      </c>
      <c r="J25" s="3"/>
      <c r="K25" s="3"/>
    </row>
    <row r="26" spans="2:13" s="2" customFormat="1" ht="15" customHeight="1" x14ac:dyDescent="0.15">
      <c r="B26" s="65"/>
      <c r="C26" s="11" t="s">
        <v>37</v>
      </c>
      <c r="D26" s="30">
        <v>41</v>
      </c>
      <c r="E26" s="30">
        <v>42</v>
      </c>
      <c r="F26" s="37"/>
      <c r="G26" s="6">
        <v>11</v>
      </c>
      <c r="H26" s="44"/>
      <c r="I26" s="5">
        <v>1</v>
      </c>
      <c r="J26" s="3"/>
      <c r="K26" s="3"/>
      <c r="M26" s="1"/>
    </row>
    <row r="27" spans="2:13" s="2" customFormat="1" ht="15" customHeight="1" x14ac:dyDescent="0.15">
      <c r="B27" s="65"/>
      <c r="C27" s="11" t="s">
        <v>45</v>
      </c>
      <c r="D27" s="30">
        <v>43</v>
      </c>
      <c r="E27" s="30">
        <v>44</v>
      </c>
      <c r="F27" s="37"/>
      <c r="G27" s="6">
        <v>8</v>
      </c>
      <c r="H27" s="45"/>
      <c r="I27" s="5">
        <v>1</v>
      </c>
      <c r="J27" s="3"/>
      <c r="K27" s="3"/>
      <c r="M27" s="1"/>
    </row>
    <row r="28" spans="2:13" s="2" customFormat="1" ht="15" customHeight="1" x14ac:dyDescent="0.15">
      <c r="B28" s="65"/>
      <c r="C28" s="11" t="s">
        <v>16</v>
      </c>
      <c r="D28" s="30">
        <v>45</v>
      </c>
      <c r="E28" s="31">
        <v>46</v>
      </c>
      <c r="F28" s="38"/>
      <c r="G28" s="6">
        <v>9</v>
      </c>
      <c r="H28" s="44"/>
      <c r="I28" s="5">
        <v>1</v>
      </c>
      <c r="J28" s="3"/>
      <c r="K28" s="3"/>
    </row>
    <row r="29" spans="2:13" s="2" customFormat="1" ht="15" customHeight="1" x14ac:dyDescent="0.15">
      <c r="B29" s="65"/>
      <c r="C29" s="11" t="s">
        <v>17</v>
      </c>
      <c r="D29" s="31">
        <v>47</v>
      </c>
      <c r="E29" s="30">
        <v>48</v>
      </c>
      <c r="F29" s="37"/>
      <c r="G29" s="6">
        <v>8</v>
      </c>
      <c r="H29" s="45"/>
      <c r="I29" s="5">
        <v>1</v>
      </c>
      <c r="J29" s="3"/>
      <c r="K29" s="3"/>
    </row>
    <row r="30" spans="2:13" s="2" customFormat="1" ht="15" customHeight="1" x14ac:dyDescent="0.15">
      <c r="B30" s="65"/>
      <c r="C30" s="11" t="s">
        <v>27</v>
      </c>
      <c r="D30" s="54"/>
      <c r="E30" s="55"/>
      <c r="F30" s="50"/>
      <c r="G30" s="51"/>
      <c r="H30" s="52"/>
      <c r="I30" s="51"/>
      <c r="J30" s="3"/>
      <c r="K30" s="3"/>
    </row>
    <row r="31" spans="2:13" s="2" customFormat="1" ht="15" customHeight="1" x14ac:dyDescent="0.15">
      <c r="B31" s="65"/>
      <c r="C31" s="11" t="s">
        <v>30</v>
      </c>
      <c r="D31" s="30">
        <v>49</v>
      </c>
      <c r="E31" s="30">
        <v>50</v>
      </c>
      <c r="F31" s="38"/>
      <c r="G31" s="6">
        <v>10</v>
      </c>
      <c r="H31" s="44"/>
      <c r="I31" s="5">
        <v>1</v>
      </c>
      <c r="J31" s="3"/>
      <c r="K31" s="3"/>
    </row>
    <row r="32" spans="2:13" s="2" customFormat="1" ht="15" customHeight="1" x14ac:dyDescent="0.15">
      <c r="B32" s="65"/>
      <c r="C32" s="11" t="s">
        <v>31</v>
      </c>
      <c r="D32" s="54"/>
      <c r="E32" s="55"/>
      <c r="F32" s="50"/>
      <c r="G32" s="51"/>
      <c r="H32" s="52"/>
      <c r="I32" s="51"/>
      <c r="J32" s="3"/>
      <c r="K32" s="3"/>
    </row>
    <row r="33" spans="2:11" s="2" customFormat="1" ht="15" customHeight="1" x14ac:dyDescent="0.15">
      <c r="B33" s="65"/>
      <c r="C33" s="11" t="s">
        <v>46</v>
      </c>
      <c r="D33" s="56"/>
      <c r="E33" s="55"/>
      <c r="F33" s="50"/>
      <c r="G33" s="51"/>
      <c r="H33" s="52"/>
      <c r="I33" s="53"/>
      <c r="J33" s="3"/>
      <c r="K33" s="3"/>
    </row>
    <row r="34" spans="2:11" s="2" customFormat="1" ht="15" customHeight="1" x14ac:dyDescent="0.15">
      <c r="B34" s="65"/>
      <c r="C34" s="11" t="s">
        <v>18</v>
      </c>
      <c r="D34" s="30">
        <v>51</v>
      </c>
      <c r="E34" s="31">
        <v>52</v>
      </c>
      <c r="F34" s="38"/>
      <c r="G34" s="6">
        <v>14</v>
      </c>
      <c r="H34" s="44"/>
      <c r="I34" s="5">
        <v>1</v>
      </c>
      <c r="J34" s="3"/>
      <c r="K34" s="3"/>
    </row>
    <row r="35" spans="2:11" s="2" customFormat="1" ht="15" customHeight="1" x14ac:dyDescent="0.15">
      <c r="B35" s="65"/>
      <c r="C35" s="13" t="s">
        <v>24</v>
      </c>
      <c r="D35" s="31">
        <v>53</v>
      </c>
      <c r="E35" s="30">
        <v>54</v>
      </c>
      <c r="F35" s="39"/>
      <c r="G35" s="9">
        <v>11</v>
      </c>
      <c r="H35" s="46"/>
      <c r="I35" s="23">
        <v>1</v>
      </c>
      <c r="J35" s="3"/>
      <c r="K35" s="3"/>
    </row>
    <row r="36" spans="2:11" s="2" customFormat="1" ht="15" customHeight="1" x14ac:dyDescent="0.15">
      <c r="B36" s="65"/>
      <c r="C36" s="13" t="s">
        <v>23</v>
      </c>
      <c r="D36" s="30">
        <v>55</v>
      </c>
      <c r="E36" s="30">
        <v>56</v>
      </c>
      <c r="F36" s="39"/>
      <c r="G36" s="9">
        <v>9</v>
      </c>
      <c r="H36" s="47"/>
      <c r="I36" s="9">
        <v>1</v>
      </c>
      <c r="J36" s="3"/>
      <c r="K36" s="3"/>
    </row>
    <row r="37" spans="2:11" s="2" customFormat="1" ht="15" customHeight="1" x14ac:dyDescent="0.15">
      <c r="B37" s="16"/>
      <c r="C37" s="11" t="s">
        <v>4</v>
      </c>
      <c r="D37" s="30">
        <v>57</v>
      </c>
      <c r="E37" s="30">
        <v>58</v>
      </c>
      <c r="F37" s="40"/>
      <c r="G37" s="6">
        <v>7</v>
      </c>
      <c r="H37" s="45"/>
      <c r="I37" s="6">
        <v>1</v>
      </c>
      <c r="J37" s="3"/>
      <c r="K37" s="3"/>
    </row>
    <row r="38" spans="2:11" s="2" customFormat="1" ht="15" customHeight="1" x14ac:dyDescent="0.15">
      <c r="B38" s="16"/>
      <c r="C38" s="11" t="s">
        <v>2</v>
      </c>
      <c r="D38" s="30">
        <v>59</v>
      </c>
      <c r="E38" s="31">
        <v>60</v>
      </c>
      <c r="F38" s="37"/>
      <c r="G38" s="6">
        <v>14</v>
      </c>
      <c r="H38" s="45"/>
      <c r="I38" s="6">
        <v>1</v>
      </c>
      <c r="J38" s="3"/>
      <c r="K38" s="3"/>
    </row>
    <row r="39" spans="2:11" s="2" customFormat="1" ht="15" customHeight="1" thickBot="1" x14ac:dyDescent="0.2">
      <c r="B39" s="19"/>
      <c r="C39" s="14" t="s">
        <v>32</v>
      </c>
      <c r="D39" s="32">
        <v>61</v>
      </c>
      <c r="E39" s="57">
        <v>62</v>
      </c>
      <c r="F39" s="41"/>
      <c r="G39" s="22">
        <v>17</v>
      </c>
      <c r="H39" s="48"/>
      <c r="I39" s="22">
        <v>1</v>
      </c>
      <c r="J39" s="3"/>
      <c r="K39" s="3"/>
    </row>
    <row r="40" spans="2:11" s="2" customFormat="1" ht="10.5" customHeight="1" x14ac:dyDescent="0.15">
      <c r="B40" s="3"/>
      <c r="C40" s="7"/>
      <c r="D40" s="7"/>
      <c r="E40" s="7"/>
      <c r="F40" s="7"/>
      <c r="G40" s="27"/>
      <c r="H40" s="27"/>
      <c r="I40" s="27"/>
      <c r="K40" s="3"/>
    </row>
    <row r="41" spans="2:11" s="2" customFormat="1" ht="15" customHeight="1" thickBot="1" x14ac:dyDescent="0.2">
      <c r="B41" s="1" t="s">
        <v>33</v>
      </c>
      <c r="C41" s="3"/>
      <c r="D41" s="3"/>
      <c r="E41" s="3"/>
      <c r="F41" s="3"/>
      <c r="G41" s="3"/>
      <c r="H41" s="3"/>
      <c r="I41" s="3"/>
      <c r="K41" s="3"/>
    </row>
    <row r="42" spans="2:11" s="2" customFormat="1" ht="18.75" customHeight="1" thickBot="1" x14ac:dyDescent="0.2">
      <c r="B42" s="15" t="s">
        <v>34</v>
      </c>
      <c r="C42" s="17" t="s">
        <v>3</v>
      </c>
      <c r="D42" s="58">
        <v>63</v>
      </c>
      <c r="E42" s="59"/>
      <c r="F42" s="49"/>
      <c r="G42" s="4">
        <v>1</v>
      </c>
      <c r="H42" s="3"/>
      <c r="I42" s="27"/>
      <c r="J42" s="27"/>
      <c r="K42" s="3"/>
    </row>
    <row r="43" spans="2:11" s="2" customFormat="1" ht="10.5" customHeight="1" x14ac:dyDescent="0.15">
      <c r="K43" s="3"/>
    </row>
  </sheetData>
  <mergeCells count="7">
    <mergeCell ref="D42:E42"/>
    <mergeCell ref="A1:I1"/>
    <mergeCell ref="D5:E5"/>
    <mergeCell ref="B6:C6"/>
    <mergeCell ref="B7:C7"/>
    <mergeCell ref="B13:B36"/>
    <mergeCell ref="B4:C4"/>
  </mergeCells>
  <phoneticPr fontId="1"/>
  <pageMargins left="0.70866141732283472" right="0.70866141732283472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9.1次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</dc:creator>
  <cp:lastModifiedBy>佐藤　哲子</cp:lastModifiedBy>
  <cp:lastPrinted>2026-07-02T00:57:10Z</cp:lastPrinted>
  <dcterms:created xsi:type="dcterms:W3CDTF">2008-05-25T13:07:57Z</dcterms:created>
  <dcterms:modified xsi:type="dcterms:W3CDTF">2026-07-02T00:57:18Z</dcterms:modified>
</cp:coreProperties>
</file>